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36DEBB99" w:rsidR="005E5F47" w:rsidRDefault="00B4448A" w:rsidP="005E5F47">
      <w:pPr>
        <w:jc w:val="center"/>
        <w:rPr>
          <w:b/>
        </w:rPr>
      </w:pPr>
      <w:r>
        <w:rPr>
          <w:b/>
        </w:rPr>
        <w:t xml:space="preserve">SCHEDULE </w:t>
      </w:r>
      <w:r w:rsidR="000505DA">
        <w:rPr>
          <w:b/>
        </w:rPr>
        <w:t>1</w:t>
      </w:r>
      <w:r>
        <w:rPr>
          <w:b/>
        </w:rPr>
        <w:t>5</w:t>
      </w:r>
    </w:p>
    <w:p w14:paraId="1B0A1431" w14:textId="16A73781" w:rsidR="00E01AB4" w:rsidRDefault="000505DA" w:rsidP="005E5F47">
      <w:pPr>
        <w:jc w:val="center"/>
        <w:rPr>
          <w:b/>
        </w:rPr>
      </w:pPr>
      <w:r>
        <w:rPr>
          <w:b/>
        </w:rPr>
        <w:t>Warranted Data</w:t>
      </w:r>
    </w:p>
    <w:p w14:paraId="0EE0D6DC" w14:textId="3B9A55E0" w:rsidR="00937EF4" w:rsidRDefault="00937EF4" w:rsidP="005E5F47">
      <w:pPr>
        <w:jc w:val="center"/>
        <w:rPr>
          <w:b/>
          <w:i/>
        </w:rPr>
      </w:pPr>
      <w:r w:rsidRPr="00937EF4">
        <w:rPr>
          <w:b/>
          <w:i/>
          <w:highlight w:val="green"/>
        </w:rPr>
        <w:t>[Note to Tenderers: To be developed by each Tenderer.]</w:t>
      </w:r>
    </w:p>
    <w:p w14:paraId="6A5624A7" w14:textId="77777777" w:rsidR="001402EF" w:rsidRPr="001402EF" w:rsidRDefault="001402EF" w:rsidP="001402EF"/>
    <w:p w14:paraId="20CC79EC" w14:textId="77777777" w:rsidR="001402EF" w:rsidRPr="001402EF" w:rsidRDefault="001402EF" w:rsidP="001402EF"/>
    <w:p w14:paraId="1BBA4E3D" w14:textId="77777777" w:rsidR="001402EF" w:rsidRPr="001402EF" w:rsidRDefault="001402EF" w:rsidP="001402EF"/>
    <w:p w14:paraId="358D78D9" w14:textId="77777777" w:rsidR="001402EF" w:rsidRPr="001402EF" w:rsidRDefault="001402EF" w:rsidP="001402EF"/>
    <w:p w14:paraId="3D71A873" w14:textId="77777777" w:rsidR="001402EF" w:rsidRPr="001402EF" w:rsidRDefault="001402EF" w:rsidP="001402EF"/>
    <w:p w14:paraId="692AA273" w14:textId="77777777" w:rsidR="001402EF" w:rsidRPr="001402EF" w:rsidRDefault="001402EF" w:rsidP="001402EF"/>
    <w:p w14:paraId="5B735652" w14:textId="77777777" w:rsidR="001402EF" w:rsidRPr="001402EF" w:rsidRDefault="001402EF" w:rsidP="001402EF"/>
    <w:p w14:paraId="4E96175D" w14:textId="77777777" w:rsidR="001402EF" w:rsidRPr="001402EF" w:rsidRDefault="001402EF" w:rsidP="001402EF"/>
    <w:p w14:paraId="1AD650CC" w14:textId="77777777" w:rsidR="001402EF" w:rsidRPr="001402EF" w:rsidRDefault="001402EF" w:rsidP="001402EF"/>
    <w:p w14:paraId="647C09FC" w14:textId="77777777" w:rsidR="001402EF" w:rsidRPr="001402EF" w:rsidRDefault="001402EF" w:rsidP="001402EF"/>
    <w:p w14:paraId="33414EAF" w14:textId="77777777" w:rsidR="001402EF" w:rsidRDefault="001402EF" w:rsidP="001402EF">
      <w:pPr>
        <w:rPr>
          <w:b/>
          <w:i/>
        </w:rPr>
      </w:pPr>
    </w:p>
    <w:p w14:paraId="6A0E6F6C" w14:textId="77777777" w:rsidR="001402EF" w:rsidRPr="001402EF" w:rsidRDefault="001402EF" w:rsidP="001402EF"/>
    <w:sectPr w:rsidR="001402EF" w:rsidRPr="001402EF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04B0C374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937EF4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CFCBA3" w14:textId="68A4A659" w:rsidR="00976722" w:rsidRDefault="0049785C">
    <w:pPr>
      <w:pStyle w:val="Header"/>
    </w:pPr>
    <w:r>
      <w:tab/>
      <w:t>Official</w:t>
    </w:r>
  </w:p>
  <w:p w14:paraId="5DBF36D5" w14:textId="77777777" w:rsidR="00F370BD" w:rsidRDefault="00F370BD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05DA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02EF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809CC"/>
    <w:rsid w:val="00485899"/>
    <w:rsid w:val="004908A8"/>
    <w:rsid w:val="0049785C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37EF4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76722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23C7"/>
    <w:rsid w:val="00B34AB0"/>
    <w:rsid w:val="00B36665"/>
    <w:rsid w:val="00B40202"/>
    <w:rsid w:val="00B4448A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90C"/>
    <w:rsid w:val="00F83DDF"/>
    <w:rsid w:val="00F848C5"/>
    <w:rsid w:val="00F92A3E"/>
    <w:rsid w:val="00F933B6"/>
    <w:rsid w:val="00F96342"/>
    <w:rsid w:val="00F96E9D"/>
    <w:rsid w:val="00FA02DA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99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10827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B2F25BB-423F-4E8B-A507-282B1D99C9D3}">
  <ds:schemaRefs>
    <ds:schemaRef ds:uri="http://purl.org/dc/elements/1.1/"/>
    <ds:schemaRef ds:uri="http://schemas.microsoft.com/office/2006/metadata/properties"/>
    <ds:schemaRef ds:uri="http://purl.org/dc/terms/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1CACEABC-5CF9-4467-BA01-F21754AE81A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78EA27A-5264-492F-841F-A10A511934A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E9DEFF1E-AC89-40CF-B4D8-EC3527BFD04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2</TotalTime>
  <Pages>1</Pages>
  <Words>13</Words>
  <Characters>81</Characters>
  <Application>Microsoft Office Word</Application>
  <DocSecurity>0</DocSecurity>
  <Lines>1</Lines>
  <Paragraphs>1</Paragraphs>
  <ScaleCrop>false</ScaleCrop>
  <Company/>
  <LinksUpToDate>false</LinksUpToDate>
  <CharactersWithSpaces>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5</cp:revision>
  <dcterms:created xsi:type="dcterms:W3CDTF">2022-11-18T10:40:00Z</dcterms:created>
  <dcterms:modified xsi:type="dcterms:W3CDTF">2022-11-18T14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100510058v1[ALM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0:40:45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dfb6148b-00ee-483a-8b87-3e11b54cc812</vt:lpwstr>
  </property>
  <property fmtid="{D5CDD505-2E9C-101B-9397-08002B2CF9AE}" pid="29" name="MSIP_Label_d8a60473-494b-4586-a1bb-b0e663054676_ContentBits">
    <vt:lpwstr>0</vt:lpwstr>
  </property>
</Properties>
</file>